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4-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4-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wagening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18AE092A-9627-9C14-4947-8386599E85C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77985" y="5122804"/>
            <a:ext cx="2932214" cy="1225666"/>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767A6685-CA38-EA66-E4C0-B73B448D0875}"/>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63243" y="4470399"/>
            <a:ext cx="2191150" cy="915901"/>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6-24T11:32:18Z</dcterms:modified>
</cp:coreProperties>
</file>